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1" uniqueCount="748">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森本産婦人科医院</t>
    <phoneticPr fontId="3"/>
  </si>
  <si>
    <t>〒690-0056 島根県松江市雑賀町82</t>
    <phoneticPr fontId="3"/>
  </si>
  <si>
    <t>〇</t>
  </si>
  <si>
    <t>休床中</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1996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t="s">
        <v>746</v>
      </c>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3</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13</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0</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3</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747</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439</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3</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0</v>
      </c>
      <c r="K171" s="118" t="str">
        <f t="shared" ref="K171:K186" si="2">IF(OR(COUNTIF(L171:O171,"未確認")&gt;0,COUNTIF(L171:O171,"*")&gt;0),"※","")</f>
        <v/>
      </c>
      <c r="L171" s="212"/>
      <c r="M171" s="212"/>
      <c r="N171" s="212"/>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4</v>
      </c>
      <c r="K172" s="118" t="str">
        <f t="shared" si="2"/>
        <v/>
      </c>
      <c r="L172" s="213"/>
      <c r="M172" s="213"/>
      <c r="N172" s="213">
        <v>0.4</v>
      </c>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2</v>
      </c>
      <c r="K173" s="118" t="str">
        <f t="shared" si="2"/>
        <v/>
      </c>
      <c r="L173" s="212"/>
      <c r="M173" s="212"/>
      <c r="N173" s="212">
        <v>2</v>
      </c>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c r="N174" s="213"/>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c r="N177" s="212"/>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746</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0</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0</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0</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0</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38:14Z</dcterms:modified>
</cp:coreProperties>
</file>